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負担率の推移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負担率の推移!$A$1:$Q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55">
  <si>
    <t>２.　保険料・税（１）　調定額・基準総所得金額等の状況</t>
  </si>
  <si>
    <t>・保険料（税）負担率の推移</t>
    <rPh sb="1" eb="3">
      <t>ホケン</t>
    </rPh>
    <rPh sb="3" eb="4">
      <t>リョウ</t>
    </rPh>
    <rPh sb="5" eb="6">
      <t>ゼイ</t>
    </rPh>
    <rPh sb="7" eb="9">
      <t>フタン</t>
    </rPh>
    <rPh sb="9" eb="10">
      <t>リツ</t>
    </rPh>
    <rPh sb="11" eb="13">
      <t>スイイ</t>
    </rPh>
    <phoneticPr fontId="6"/>
  </si>
  <si>
    <t>保険者名</t>
    <rPh sb="0" eb="3">
      <t>ホケンシャ</t>
    </rPh>
    <rPh sb="3" eb="4">
      <t>メイ</t>
    </rPh>
    <phoneticPr fontId="6"/>
  </si>
  <si>
    <t>28年度</t>
  </si>
  <si>
    <t>29年度</t>
  </si>
  <si>
    <t>30年度</t>
  </si>
  <si>
    <t>元年度</t>
    <rPh sb="0" eb="1">
      <t>ガン</t>
    </rPh>
    <phoneticPr fontId="6"/>
  </si>
  <si>
    <t>２年度</t>
    <phoneticPr fontId="6"/>
  </si>
  <si>
    <t>負担率</t>
  </si>
  <si>
    <t>順</t>
  </si>
  <si>
    <t>27→28</t>
  </si>
  <si>
    <t>28→29</t>
  </si>
  <si>
    <t>29→30</t>
  </si>
  <si>
    <t>30→元</t>
    <rPh sb="3" eb="4">
      <t>ガン</t>
    </rPh>
    <phoneticPr fontId="6"/>
  </si>
  <si>
    <t>元→２</t>
    <rPh sb="0" eb="1">
      <t>ガン</t>
    </rPh>
    <phoneticPr fontId="6"/>
  </si>
  <si>
    <t>（％）</t>
  </si>
  <si>
    <t>位</t>
  </si>
  <si>
    <t>増減</t>
  </si>
  <si>
    <t>伸率%</t>
    <phoneticPr fontId="6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    平    均</t>
    <rPh sb="5" eb="6">
      <t>ヒラ</t>
    </rPh>
    <rPh sb="10" eb="11">
      <t>ヒトシ</t>
    </rPh>
    <phoneticPr fontId="6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1"/>
  </si>
  <si>
    <t>市町村平均</t>
    <rPh sb="0" eb="3">
      <t>シチョウソン</t>
    </rPh>
    <rPh sb="3" eb="5">
      <t>ヘイキン</t>
    </rPh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6"/>
      <name val="ＭＳ Ｐ明朝"/>
      <family val="1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14"/>
      <name val="ＭＳ ゴシック"/>
      <family val="3"/>
      <charset val="128"/>
    </font>
    <font>
      <sz val="14"/>
      <name val="Terminal"/>
      <family val="3"/>
      <charset val="255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12" fillId="0" borderId="0"/>
  </cellStyleXfs>
  <cellXfs count="68">
    <xf numFmtId="0" fontId="0" fillId="0" borderId="0" xfId="0"/>
    <xf numFmtId="38" fontId="2" fillId="0" borderId="0" xfId="1" applyFont="1" applyFill="1"/>
    <xf numFmtId="0" fontId="4" fillId="0" borderId="0" xfId="0" applyNumberFormat="1" applyFont="1" applyFill="1"/>
    <xf numFmtId="10" fontId="4" fillId="0" borderId="0" xfId="2" applyNumberFormat="1" applyFont="1" applyFill="1"/>
    <xf numFmtId="38" fontId="5" fillId="0" borderId="0" xfId="1" applyFont="1" applyFill="1"/>
    <xf numFmtId="38" fontId="4" fillId="0" borderId="0" xfId="1" applyFont="1" applyFill="1"/>
    <xf numFmtId="0" fontId="2" fillId="0" borderId="0" xfId="0" applyNumberFormat="1" applyFont="1" applyFill="1"/>
    <xf numFmtId="38" fontId="4" fillId="0" borderId="0" xfId="1" applyFont="1" applyFill="1" applyAlignment="1">
      <alignment horizontal="center"/>
    </xf>
    <xf numFmtId="0" fontId="4" fillId="0" borderId="1" xfId="0" applyNumberFormat="1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0" fontId="4" fillId="0" borderId="2" xfId="0" quotePrefix="1" applyNumberFormat="1" applyFont="1" applyFill="1" applyBorder="1" applyAlignment="1">
      <alignment horizontal="distributed" vertical="center" justifyLastLine="1"/>
    </xf>
    <xf numFmtId="38" fontId="4" fillId="0" borderId="3" xfId="1" quotePrefix="1" applyFont="1" applyFill="1" applyBorder="1" applyAlignment="1">
      <alignment horizontal="distributed" vertical="center" justifyLastLine="1"/>
    </xf>
    <xf numFmtId="0" fontId="0" fillId="0" borderId="4" xfId="0" applyFill="1" applyBorder="1" applyAlignment="1">
      <alignment horizontal="distributed" vertical="center" justifyLastLine="1"/>
    </xf>
    <xf numFmtId="0" fontId="4" fillId="0" borderId="0" xfId="0" applyNumberFormat="1" applyFont="1" applyFill="1" applyAlignment="1">
      <alignment vertical="center"/>
    </xf>
    <xf numFmtId="38" fontId="4" fillId="0" borderId="0" xfId="1" applyFont="1" applyFill="1" applyAlignment="1">
      <alignment horizontal="right" vertical="center"/>
    </xf>
    <xf numFmtId="0" fontId="0" fillId="0" borderId="5" xfId="0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4" fillId="0" borderId="7" xfId="0" quotePrefix="1" applyFont="1" applyFill="1" applyBorder="1" applyAlignment="1">
      <alignment horizontal="center"/>
    </xf>
    <xf numFmtId="38" fontId="7" fillId="0" borderId="7" xfId="1" applyFont="1" applyFill="1" applyBorder="1" applyAlignment="1">
      <alignment horizontal="center"/>
    </xf>
    <xf numFmtId="0" fontId="4" fillId="0" borderId="7" xfId="0" applyNumberFormat="1" applyFont="1" applyFill="1" applyBorder="1" applyAlignment="1">
      <alignment horizontal="center"/>
    </xf>
    <xf numFmtId="0" fontId="4" fillId="0" borderId="7" xfId="0" quotePrefix="1" applyNumberFormat="1" applyFont="1" applyFill="1" applyBorder="1" applyAlignment="1">
      <alignment horizontal="center"/>
    </xf>
    <xf numFmtId="38" fontId="4" fillId="0" borderId="8" xfId="1" quotePrefix="1" applyFont="1" applyFill="1" applyBorder="1" applyAlignment="1">
      <alignment horizontal="center"/>
    </xf>
    <xf numFmtId="38" fontId="4" fillId="0" borderId="0" xfId="1" applyFont="1" applyFill="1" applyAlignment="1">
      <alignment horizontal="right"/>
    </xf>
    <xf numFmtId="0" fontId="4" fillId="0" borderId="9" xfId="0" applyFont="1" applyFill="1" applyBorder="1" applyAlignment="1">
      <alignment horizontal="center"/>
    </xf>
    <xf numFmtId="38" fontId="7" fillId="0" borderId="9" xfId="1" applyFont="1" applyFill="1" applyBorder="1" applyAlignment="1">
      <alignment horizontal="center"/>
    </xf>
    <xf numFmtId="0" fontId="4" fillId="0" borderId="9" xfId="0" applyNumberFormat="1" applyFont="1" applyFill="1" applyBorder="1" applyAlignment="1">
      <alignment horizontal="center"/>
    </xf>
    <xf numFmtId="0" fontId="4" fillId="0" borderId="10" xfId="0" applyNumberFormat="1" applyFont="1" applyFill="1" applyBorder="1" applyAlignment="1">
      <alignment horizontal="center"/>
    </xf>
    <xf numFmtId="38" fontId="4" fillId="0" borderId="11" xfId="1" applyFont="1" applyFill="1" applyBorder="1" applyAlignment="1">
      <alignment horizontal="center"/>
    </xf>
    <xf numFmtId="0" fontId="4" fillId="0" borderId="0" xfId="0" applyNumberFormat="1" applyFont="1" applyFill="1" applyBorder="1"/>
    <xf numFmtId="38" fontId="4" fillId="0" borderId="0" xfId="1" applyFont="1" applyFill="1" applyBorder="1"/>
    <xf numFmtId="0" fontId="4" fillId="0" borderId="12" xfId="0" applyNumberFormat="1" applyFont="1" applyFill="1" applyBorder="1"/>
    <xf numFmtId="0" fontId="8" fillId="0" borderId="6" xfId="0" applyNumberFormat="1" applyFont="1" applyFill="1" applyBorder="1"/>
    <xf numFmtId="40" fontId="9" fillId="0" borderId="6" xfId="3" applyNumberFormat="1" applyFont="1" applyFill="1" applyBorder="1"/>
    <xf numFmtId="38" fontId="9" fillId="0" borderId="6" xfId="3" applyNumberFormat="1" applyFont="1" applyFill="1" applyBorder="1"/>
    <xf numFmtId="4" fontId="9" fillId="0" borderId="6" xfId="3" applyNumberFormat="1" applyFont="1" applyFill="1" applyBorder="1"/>
    <xf numFmtId="3" fontId="9" fillId="0" borderId="6" xfId="3" applyNumberFormat="1" applyFont="1" applyFill="1" applyBorder="1"/>
    <xf numFmtId="2" fontId="9" fillId="0" borderId="6" xfId="0" applyNumberFormat="1" applyFont="1" applyFill="1" applyBorder="1"/>
    <xf numFmtId="0" fontId="9" fillId="0" borderId="6" xfId="0" applyNumberFormat="1" applyFont="1" applyFill="1" applyBorder="1"/>
    <xf numFmtId="4" fontId="9" fillId="0" borderId="13" xfId="2" applyNumberFormat="1" applyFont="1" applyFill="1" applyBorder="1"/>
    <xf numFmtId="38" fontId="10" fillId="0" borderId="0" xfId="1" applyFont="1" applyFill="1"/>
    <xf numFmtId="4" fontId="9" fillId="0" borderId="0" xfId="2" applyNumberFormat="1" applyFont="1" applyFill="1" applyBorder="1"/>
    <xf numFmtId="0" fontId="4" fillId="0" borderId="14" xfId="0" applyNumberFormat="1" applyFont="1" applyFill="1" applyBorder="1"/>
    <xf numFmtId="0" fontId="4" fillId="0" borderId="15" xfId="0" applyNumberFormat="1" applyFont="1" applyFill="1" applyBorder="1"/>
    <xf numFmtId="0" fontId="8" fillId="0" borderId="16" xfId="0" applyNumberFormat="1" applyFont="1" applyFill="1" applyBorder="1"/>
    <xf numFmtId="40" fontId="9" fillId="0" borderId="16" xfId="3" applyNumberFormat="1" applyFont="1" applyFill="1" applyBorder="1"/>
    <xf numFmtId="38" fontId="9" fillId="0" borderId="16" xfId="3" applyNumberFormat="1" applyFont="1" applyFill="1" applyBorder="1"/>
    <xf numFmtId="4" fontId="9" fillId="0" borderId="16" xfId="3" applyNumberFormat="1" applyFont="1" applyFill="1" applyBorder="1"/>
    <xf numFmtId="3" fontId="9" fillId="0" borderId="16" xfId="3" applyNumberFormat="1" applyFont="1" applyFill="1" applyBorder="1"/>
    <xf numFmtId="2" fontId="9" fillId="0" borderId="16" xfId="0" applyNumberFormat="1" applyFont="1" applyFill="1" applyBorder="1"/>
    <xf numFmtId="0" fontId="9" fillId="0" borderId="16" xfId="0" applyNumberFormat="1" applyFont="1" applyFill="1" applyBorder="1"/>
    <xf numFmtId="4" fontId="9" fillId="0" borderId="17" xfId="2" applyNumberFormat="1" applyFont="1" applyFill="1" applyBorder="1"/>
    <xf numFmtId="38" fontId="7" fillId="0" borderId="18" xfId="1" applyFont="1" applyFill="1" applyBorder="1" applyAlignment="1">
      <alignment horizontal="distributed" justifyLastLine="1"/>
    </xf>
    <xf numFmtId="0" fontId="0" fillId="0" borderId="19" xfId="0" applyFill="1" applyBorder="1" applyAlignment="1">
      <alignment horizontal="distributed" justifyLastLine="1"/>
    </xf>
    <xf numFmtId="40" fontId="9" fillId="0" borderId="19" xfId="3" applyNumberFormat="1" applyFont="1" applyFill="1" applyBorder="1"/>
    <xf numFmtId="38" fontId="9" fillId="0" borderId="19" xfId="3" applyNumberFormat="1" applyFont="1" applyFill="1" applyBorder="1"/>
    <xf numFmtId="4" fontId="9" fillId="0" borderId="19" xfId="3" applyNumberFormat="1" applyFont="1" applyFill="1" applyBorder="1"/>
    <xf numFmtId="2" fontId="9" fillId="0" borderId="19" xfId="0" applyNumberFormat="1" applyFont="1" applyFill="1" applyBorder="1"/>
    <xf numFmtId="0" fontId="9" fillId="0" borderId="19" xfId="0" applyNumberFormat="1" applyFont="1" applyFill="1" applyBorder="1"/>
    <xf numFmtId="4" fontId="9" fillId="0" borderId="20" xfId="2" applyNumberFormat="1" applyFont="1" applyFill="1" applyBorder="1"/>
    <xf numFmtId="38" fontId="7" fillId="0" borderId="21" xfId="1" applyFont="1" applyFill="1" applyBorder="1" applyAlignment="1">
      <alignment horizontal="distributed" justifyLastLine="1"/>
    </xf>
    <xf numFmtId="0" fontId="0" fillId="0" borderId="22" xfId="0" applyFill="1" applyBorder="1" applyAlignment="1">
      <alignment horizontal="distributed" justifyLastLine="1"/>
    </xf>
    <xf numFmtId="40" fontId="9" fillId="0" borderId="22" xfId="3" applyNumberFormat="1" applyFont="1" applyFill="1" applyBorder="1"/>
    <xf numFmtId="38" fontId="9" fillId="0" borderId="22" xfId="3" applyNumberFormat="1" applyFont="1" applyFill="1" applyBorder="1"/>
    <xf numFmtId="4" fontId="9" fillId="0" borderId="22" xfId="3" applyNumberFormat="1" applyFont="1" applyFill="1" applyBorder="1"/>
    <xf numFmtId="2" fontId="9" fillId="0" borderId="22" xfId="0" applyNumberFormat="1" applyFont="1" applyFill="1" applyBorder="1"/>
    <xf numFmtId="0" fontId="9" fillId="0" borderId="22" xfId="0" applyNumberFormat="1" applyFont="1" applyFill="1" applyBorder="1"/>
    <xf numFmtId="4" fontId="9" fillId="0" borderId="23" xfId="2" applyNumberFormat="1" applyFont="1" applyFill="1" applyBorder="1"/>
    <xf numFmtId="37" fontId="5" fillId="0" borderId="0" xfId="4" applyFont="1" applyFill="1"/>
  </cellXfs>
  <cellStyles count="5">
    <cellStyle name="パーセント" xfId="2" builtinId="5"/>
    <cellStyle name="パーセント 2" xfId="3"/>
    <cellStyle name="桁区切り" xfId="1" builtinId="6"/>
    <cellStyle name="標準" xfId="0" builtinId="0"/>
    <cellStyle name="標準_単独集計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47"/>
  <sheetViews>
    <sheetView tabSelected="1" topLeftCell="A2" zoomScaleNormal="100" zoomScaleSheetLayoutView="100" workbookViewId="0">
      <pane xSplit="2" ySplit="4" topLeftCell="C6" activePane="bottomRight" state="frozen"/>
      <selection activeCell="A2" sqref="A2"/>
      <selection pane="topRight" activeCell="U2" sqref="U2"/>
      <selection pane="bottomLeft" activeCell="A6" sqref="A6"/>
      <selection pane="bottomRight" activeCell="A2" sqref="A2"/>
    </sheetView>
  </sheetViews>
  <sheetFormatPr defaultColWidth="9" defaultRowHeight="11" x14ac:dyDescent="0.2"/>
  <cols>
    <col min="1" max="1" width="3.6328125" style="2" customWidth="1"/>
    <col min="2" max="2" width="10" style="2" customWidth="1"/>
    <col min="3" max="3" width="6.90625" style="2" customWidth="1"/>
    <col min="4" max="4" width="3.08984375" style="2" customWidth="1"/>
    <col min="5" max="5" width="5.6328125" style="2" customWidth="1"/>
    <col min="6" max="6" width="6.90625" style="2" customWidth="1"/>
    <col min="7" max="7" width="3.08984375" style="2" customWidth="1"/>
    <col min="8" max="8" width="5.6328125" style="2" customWidth="1"/>
    <col min="9" max="9" width="6.90625" style="2" customWidth="1"/>
    <col min="10" max="10" width="3.08984375" style="2" customWidth="1"/>
    <col min="11" max="11" width="5.6328125" style="2" customWidth="1"/>
    <col min="12" max="12" width="6.90625" style="2" customWidth="1"/>
    <col min="13" max="13" width="3.08984375" style="2" customWidth="1"/>
    <col min="14" max="14" width="5.6328125" style="2" customWidth="1"/>
    <col min="15" max="15" width="6.90625" style="2" customWidth="1"/>
    <col min="16" max="16" width="3.08984375" style="2" customWidth="1"/>
    <col min="17" max="17" width="5.6328125" style="2" customWidth="1"/>
    <col min="18" max="18" width="9" style="2"/>
    <col min="19" max="19" width="16.90625" style="5" customWidth="1"/>
    <col min="20" max="20" width="16.453125" style="5" customWidth="1"/>
    <col min="21" max="21" width="15.08984375" style="5" customWidth="1"/>
    <col min="22" max="16384" width="9" style="2"/>
  </cols>
  <sheetData>
    <row r="1" spans="1:23" ht="17.25" customHeight="1" x14ac:dyDescent="0.2">
      <c r="A1" s="1" t="s">
        <v>0</v>
      </c>
      <c r="R1" s="3"/>
      <c r="S1" s="4"/>
    </row>
    <row r="2" spans="1:23" ht="18" customHeight="1" thickBot="1" x14ac:dyDescent="0.25">
      <c r="B2" s="6" t="s">
        <v>1</v>
      </c>
      <c r="R2" s="3"/>
      <c r="T2" s="7"/>
      <c r="U2" s="7"/>
    </row>
    <row r="3" spans="1:23" s="13" customFormat="1" ht="15" customHeight="1" x14ac:dyDescent="0.2">
      <c r="A3" s="8" t="s">
        <v>2</v>
      </c>
      <c r="B3" s="9"/>
      <c r="C3" s="10" t="s">
        <v>3</v>
      </c>
      <c r="D3" s="10"/>
      <c r="E3" s="10"/>
      <c r="F3" s="10" t="s">
        <v>4</v>
      </c>
      <c r="G3" s="9"/>
      <c r="H3" s="9"/>
      <c r="I3" s="10" t="s">
        <v>5</v>
      </c>
      <c r="J3" s="10"/>
      <c r="K3" s="10"/>
      <c r="L3" s="10" t="s">
        <v>6</v>
      </c>
      <c r="M3" s="10"/>
      <c r="N3" s="10"/>
      <c r="O3" s="11" t="s">
        <v>7</v>
      </c>
      <c r="P3" s="9"/>
      <c r="Q3" s="12"/>
      <c r="S3" s="14"/>
      <c r="T3" s="14"/>
      <c r="U3" s="14"/>
    </row>
    <row r="4" spans="1:23" ht="12.75" customHeight="1" x14ac:dyDescent="0.2">
      <c r="A4" s="15"/>
      <c r="B4" s="16"/>
      <c r="C4" s="17" t="s">
        <v>8</v>
      </c>
      <c r="D4" s="18" t="s">
        <v>9</v>
      </c>
      <c r="E4" s="17" t="s">
        <v>10</v>
      </c>
      <c r="F4" s="19" t="s">
        <v>8</v>
      </c>
      <c r="G4" s="18" t="s">
        <v>9</v>
      </c>
      <c r="H4" s="20" t="s">
        <v>11</v>
      </c>
      <c r="I4" s="20" t="s">
        <v>8</v>
      </c>
      <c r="J4" s="18" t="s">
        <v>9</v>
      </c>
      <c r="K4" s="20" t="s">
        <v>12</v>
      </c>
      <c r="L4" s="19" t="s">
        <v>8</v>
      </c>
      <c r="M4" s="18" t="s">
        <v>9</v>
      </c>
      <c r="N4" s="20" t="s">
        <v>13</v>
      </c>
      <c r="O4" s="20" t="s">
        <v>8</v>
      </c>
      <c r="P4" s="18" t="s">
        <v>9</v>
      </c>
      <c r="Q4" s="21" t="s">
        <v>14</v>
      </c>
      <c r="S4" s="22"/>
    </row>
    <row r="5" spans="1:23" s="28" customFormat="1" ht="12.75" customHeight="1" x14ac:dyDescent="0.2">
      <c r="A5" s="15"/>
      <c r="B5" s="16"/>
      <c r="C5" s="23" t="s">
        <v>15</v>
      </c>
      <c r="D5" s="24" t="s">
        <v>16</v>
      </c>
      <c r="E5" s="23" t="s">
        <v>17</v>
      </c>
      <c r="F5" s="25" t="s">
        <v>15</v>
      </c>
      <c r="G5" s="24" t="s">
        <v>16</v>
      </c>
      <c r="H5" s="25" t="s">
        <v>17</v>
      </c>
      <c r="I5" s="25" t="s">
        <v>15</v>
      </c>
      <c r="J5" s="24" t="s">
        <v>16</v>
      </c>
      <c r="K5" s="25" t="s">
        <v>17</v>
      </c>
      <c r="L5" s="25" t="s">
        <v>15</v>
      </c>
      <c r="M5" s="24" t="s">
        <v>16</v>
      </c>
      <c r="N5" s="26" t="s">
        <v>17</v>
      </c>
      <c r="O5" s="25" t="s">
        <v>15</v>
      </c>
      <c r="P5" s="24" t="s">
        <v>16</v>
      </c>
      <c r="Q5" s="27" t="s">
        <v>18</v>
      </c>
      <c r="S5" s="29"/>
      <c r="T5" s="29"/>
      <c r="U5" s="29"/>
    </row>
    <row r="6" spans="1:23" ht="21.75" customHeight="1" x14ac:dyDescent="0.2">
      <c r="A6" s="30">
        <v>1</v>
      </c>
      <c r="B6" s="31" t="s">
        <v>19</v>
      </c>
      <c r="C6" s="32">
        <v>10.72</v>
      </c>
      <c r="D6" s="33">
        <v>29</v>
      </c>
      <c r="E6" s="34">
        <v>0.06</v>
      </c>
      <c r="F6" s="32">
        <v>11.32</v>
      </c>
      <c r="G6" s="33">
        <v>27</v>
      </c>
      <c r="H6" s="34">
        <v>0.6</v>
      </c>
      <c r="I6" s="34">
        <v>11.37</v>
      </c>
      <c r="J6" s="35">
        <v>24</v>
      </c>
      <c r="K6" s="34">
        <v>0.05</v>
      </c>
      <c r="L6" s="34">
        <v>11.52</v>
      </c>
      <c r="M6" s="35">
        <v>25</v>
      </c>
      <c r="N6" s="34">
        <v>0.15</v>
      </c>
      <c r="O6" s="36">
        <v>11.59</v>
      </c>
      <c r="P6" s="37">
        <v>23</v>
      </c>
      <c r="Q6" s="38">
        <v>7.0000000000000007E-2</v>
      </c>
      <c r="T6" s="39"/>
      <c r="U6" s="39"/>
      <c r="W6" s="40"/>
    </row>
    <row r="7" spans="1:23" ht="21.75" customHeight="1" x14ac:dyDescent="0.2">
      <c r="A7" s="41">
        <v>2</v>
      </c>
      <c r="B7" s="31" t="s">
        <v>20</v>
      </c>
      <c r="C7" s="32">
        <v>10.84</v>
      </c>
      <c r="D7" s="33">
        <v>28</v>
      </c>
      <c r="E7" s="34">
        <v>0.3</v>
      </c>
      <c r="F7" s="32">
        <v>11.37</v>
      </c>
      <c r="G7" s="33">
        <v>25</v>
      </c>
      <c r="H7" s="34">
        <v>0.53</v>
      </c>
      <c r="I7" s="34">
        <v>11.18</v>
      </c>
      <c r="J7" s="35">
        <v>26</v>
      </c>
      <c r="K7" s="34">
        <v>-0.19</v>
      </c>
      <c r="L7" s="34">
        <v>11.48</v>
      </c>
      <c r="M7" s="35">
        <v>26</v>
      </c>
      <c r="N7" s="34">
        <v>0.3</v>
      </c>
      <c r="O7" s="36">
        <v>11.66</v>
      </c>
      <c r="P7" s="37">
        <v>22</v>
      </c>
      <c r="Q7" s="38">
        <v>0.18</v>
      </c>
      <c r="T7" s="39"/>
      <c r="U7" s="39"/>
      <c r="W7" s="40"/>
    </row>
    <row r="8" spans="1:23" ht="21.75" customHeight="1" x14ac:dyDescent="0.2">
      <c r="A8" s="41">
        <v>3</v>
      </c>
      <c r="B8" s="31" t="s">
        <v>21</v>
      </c>
      <c r="C8" s="32">
        <v>13.49</v>
      </c>
      <c r="D8" s="33">
        <v>9</v>
      </c>
      <c r="E8" s="34">
        <v>-0.55000000000000004</v>
      </c>
      <c r="F8" s="32">
        <v>15.29</v>
      </c>
      <c r="G8" s="33">
        <v>6</v>
      </c>
      <c r="H8" s="34">
        <v>1.8</v>
      </c>
      <c r="I8" s="34">
        <v>14.35</v>
      </c>
      <c r="J8" s="35">
        <v>4</v>
      </c>
      <c r="K8" s="34">
        <v>-0.94</v>
      </c>
      <c r="L8" s="34">
        <v>14.24</v>
      </c>
      <c r="M8" s="35">
        <v>7</v>
      </c>
      <c r="N8" s="34">
        <v>-0.11</v>
      </c>
      <c r="O8" s="36">
        <v>13.11</v>
      </c>
      <c r="P8" s="37">
        <v>13</v>
      </c>
      <c r="Q8" s="38">
        <v>-1.1299999999999999</v>
      </c>
      <c r="T8" s="39"/>
      <c r="U8" s="39"/>
      <c r="W8" s="40"/>
    </row>
    <row r="9" spans="1:23" ht="21.75" customHeight="1" x14ac:dyDescent="0.2">
      <c r="A9" s="41">
        <v>4</v>
      </c>
      <c r="B9" s="31" t="s">
        <v>22</v>
      </c>
      <c r="C9" s="32">
        <v>12.73</v>
      </c>
      <c r="D9" s="33">
        <v>12</v>
      </c>
      <c r="E9" s="34">
        <v>0.6</v>
      </c>
      <c r="F9" s="32">
        <v>13.26</v>
      </c>
      <c r="G9" s="33">
        <v>12</v>
      </c>
      <c r="H9" s="34">
        <v>0.53</v>
      </c>
      <c r="I9" s="34">
        <v>12.86</v>
      </c>
      <c r="J9" s="35">
        <v>10</v>
      </c>
      <c r="K9" s="34">
        <v>-0.4</v>
      </c>
      <c r="L9" s="34">
        <v>13.14</v>
      </c>
      <c r="M9" s="35">
        <v>12</v>
      </c>
      <c r="N9" s="34">
        <v>0.28000000000000003</v>
      </c>
      <c r="O9" s="36">
        <v>13.71</v>
      </c>
      <c r="P9" s="37">
        <v>9</v>
      </c>
      <c r="Q9" s="38">
        <v>0.56999999999999995</v>
      </c>
      <c r="T9" s="39"/>
      <c r="U9" s="39"/>
      <c r="W9" s="40"/>
    </row>
    <row r="10" spans="1:23" ht="21.75" customHeight="1" x14ac:dyDescent="0.2">
      <c r="A10" s="41">
        <v>5</v>
      </c>
      <c r="B10" s="31" t="s">
        <v>23</v>
      </c>
      <c r="C10" s="32">
        <v>9.49</v>
      </c>
      <c r="D10" s="33">
        <v>31</v>
      </c>
      <c r="E10" s="34">
        <v>0.3</v>
      </c>
      <c r="F10" s="32">
        <v>8.86</v>
      </c>
      <c r="G10" s="33">
        <v>33</v>
      </c>
      <c r="H10" s="34">
        <v>-0.63</v>
      </c>
      <c r="I10" s="34">
        <v>8.69</v>
      </c>
      <c r="J10" s="35">
        <v>33</v>
      </c>
      <c r="K10" s="34">
        <v>-0.17</v>
      </c>
      <c r="L10" s="34">
        <v>9.9499999999999993</v>
      </c>
      <c r="M10" s="35">
        <v>32</v>
      </c>
      <c r="N10" s="34">
        <v>1.26</v>
      </c>
      <c r="O10" s="36">
        <v>8.7200000000000006</v>
      </c>
      <c r="P10" s="37">
        <v>33</v>
      </c>
      <c r="Q10" s="38">
        <v>-1.23</v>
      </c>
      <c r="T10" s="39"/>
      <c r="U10" s="39"/>
      <c r="W10" s="40"/>
    </row>
    <row r="11" spans="1:23" ht="21.75" customHeight="1" x14ac:dyDescent="0.2">
      <c r="A11" s="41">
        <v>6</v>
      </c>
      <c r="B11" s="31" t="s">
        <v>24</v>
      </c>
      <c r="C11" s="32">
        <v>11.19</v>
      </c>
      <c r="D11" s="33">
        <v>24</v>
      </c>
      <c r="E11" s="34">
        <v>-0.32</v>
      </c>
      <c r="F11" s="32">
        <v>10.85</v>
      </c>
      <c r="G11" s="33">
        <v>30</v>
      </c>
      <c r="H11" s="34">
        <v>-0.34</v>
      </c>
      <c r="I11" s="34">
        <v>10.54</v>
      </c>
      <c r="J11" s="35">
        <v>29</v>
      </c>
      <c r="K11" s="34">
        <v>-0.31</v>
      </c>
      <c r="L11" s="34">
        <v>11.36</v>
      </c>
      <c r="M11" s="35">
        <v>28</v>
      </c>
      <c r="N11" s="34">
        <v>0.82</v>
      </c>
      <c r="O11" s="36">
        <v>11.59</v>
      </c>
      <c r="P11" s="37">
        <v>23</v>
      </c>
      <c r="Q11" s="38">
        <v>0.23</v>
      </c>
      <c r="T11" s="39"/>
      <c r="U11" s="39"/>
      <c r="W11" s="40"/>
    </row>
    <row r="12" spans="1:23" ht="21.75" customHeight="1" x14ac:dyDescent="0.2">
      <c r="A12" s="41">
        <v>7</v>
      </c>
      <c r="B12" s="31" t="s">
        <v>25</v>
      </c>
      <c r="C12" s="32">
        <v>13.9</v>
      </c>
      <c r="D12" s="33">
        <v>5</v>
      </c>
      <c r="E12" s="34">
        <v>1.43</v>
      </c>
      <c r="F12" s="32">
        <v>14.84</v>
      </c>
      <c r="G12" s="33">
        <v>7</v>
      </c>
      <c r="H12" s="34">
        <v>0.94</v>
      </c>
      <c r="I12" s="34">
        <v>14.45</v>
      </c>
      <c r="J12" s="35">
        <v>3</v>
      </c>
      <c r="K12" s="34">
        <v>-0.39</v>
      </c>
      <c r="L12" s="34">
        <v>14.29</v>
      </c>
      <c r="M12" s="35">
        <v>6</v>
      </c>
      <c r="N12" s="34">
        <v>-0.16</v>
      </c>
      <c r="O12" s="36">
        <v>14.35</v>
      </c>
      <c r="P12" s="37">
        <v>7</v>
      </c>
      <c r="Q12" s="38">
        <v>0.06</v>
      </c>
      <c r="T12" s="39"/>
      <c r="U12" s="39"/>
      <c r="W12" s="40"/>
    </row>
    <row r="13" spans="1:23" ht="21.75" customHeight="1" x14ac:dyDescent="0.2">
      <c r="A13" s="41">
        <v>8</v>
      </c>
      <c r="B13" s="31" t="s">
        <v>26</v>
      </c>
      <c r="C13" s="32">
        <v>11.81</v>
      </c>
      <c r="D13" s="33">
        <v>19</v>
      </c>
      <c r="E13" s="34">
        <v>0.01</v>
      </c>
      <c r="F13" s="32">
        <v>11.88</v>
      </c>
      <c r="G13" s="33">
        <v>23</v>
      </c>
      <c r="H13" s="34">
        <v>7.0000000000000007E-2</v>
      </c>
      <c r="I13" s="34">
        <v>11.38</v>
      </c>
      <c r="J13" s="35">
        <v>23</v>
      </c>
      <c r="K13" s="34">
        <v>-0.5</v>
      </c>
      <c r="L13" s="34">
        <v>12.62</v>
      </c>
      <c r="M13" s="35">
        <v>15</v>
      </c>
      <c r="N13" s="34">
        <v>1.24</v>
      </c>
      <c r="O13" s="36">
        <v>12.36</v>
      </c>
      <c r="P13" s="37">
        <v>19</v>
      </c>
      <c r="Q13" s="38">
        <v>-0.26</v>
      </c>
      <c r="T13" s="39"/>
      <c r="U13" s="39"/>
      <c r="W13" s="40"/>
    </row>
    <row r="14" spans="1:23" ht="21.75" customHeight="1" x14ac:dyDescent="0.2">
      <c r="A14" s="41">
        <v>9</v>
      </c>
      <c r="B14" s="31" t="s">
        <v>27</v>
      </c>
      <c r="C14" s="32">
        <v>9.49</v>
      </c>
      <c r="D14" s="33">
        <v>31</v>
      </c>
      <c r="E14" s="34">
        <v>-0.53</v>
      </c>
      <c r="F14" s="32">
        <v>10.89</v>
      </c>
      <c r="G14" s="33">
        <v>29</v>
      </c>
      <c r="H14" s="34">
        <v>1.4</v>
      </c>
      <c r="I14" s="34">
        <v>10.82</v>
      </c>
      <c r="J14" s="35">
        <v>27</v>
      </c>
      <c r="K14" s="34">
        <v>-7.0000000000000007E-2</v>
      </c>
      <c r="L14" s="34">
        <v>10.83</v>
      </c>
      <c r="M14" s="35">
        <v>29</v>
      </c>
      <c r="N14" s="34">
        <v>0.01</v>
      </c>
      <c r="O14" s="36">
        <v>11.32</v>
      </c>
      <c r="P14" s="37">
        <v>29</v>
      </c>
      <c r="Q14" s="38">
        <v>0.49</v>
      </c>
      <c r="T14" s="39"/>
      <c r="U14" s="39"/>
      <c r="W14" s="40"/>
    </row>
    <row r="15" spans="1:23" ht="21.75" customHeight="1" x14ac:dyDescent="0.2">
      <c r="A15" s="41">
        <v>10</v>
      </c>
      <c r="B15" s="31" t="s">
        <v>28</v>
      </c>
      <c r="C15" s="32">
        <v>11.82</v>
      </c>
      <c r="D15" s="33">
        <v>18</v>
      </c>
      <c r="E15" s="34">
        <v>0.53</v>
      </c>
      <c r="F15" s="32">
        <v>12.41</v>
      </c>
      <c r="G15" s="33">
        <v>19</v>
      </c>
      <c r="H15" s="34">
        <v>0.59</v>
      </c>
      <c r="I15" s="34">
        <v>12.32</v>
      </c>
      <c r="J15" s="35">
        <v>15</v>
      </c>
      <c r="K15" s="34">
        <v>-0.09</v>
      </c>
      <c r="L15" s="34">
        <v>12.56</v>
      </c>
      <c r="M15" s="35">
        <v>16</v>
      </c>
      <c r="N15" s="34">
        <v>0.24</v>
      </c>
      <c r="O15" s="36">
        <v>12.75</v>
      </c>
      <c r="P15" s="37">
        <v>15</v>
      </c>
      <c r="Q15" s="38">
        <v>0.19</v>
      </c>
      <c r="T15" s="39"/>
      <c r="U15" s="39"/>
      <c r="W15" s="40"/>
    </row>
    <row r="16" spans="1:23" ht="21.75" customHeight="1" x14ac:dyDescent="0.2">
      <c r="A16" s="41">
        <v>11</v>
      </c>
      <c r="B16" s="31" t="s">
        <v>29</v>
      </c>
      <c r="C16" s="32">
        <v>13.5</v>
      </c>
      <c r="D16" s="33">
        <v>8</v>
      </c>
      <c r="E16" s="34">
        <v>0.28000000000000003</v>
      </c>
      <c r="F16" s="32">
        <v>13.08</v>
      </c>
      <c r="G16" s="33">
        <v>13</v>
      </c>
      <c r="H16" s="34">
        <v>-0.42</v>
      </c>
      <c r="I16" s="34">
        <v>13.08</v>
      </c>
      <c r="J16" s="35">
        <v>9</v>
      </c>
      <c r="K16" s="34">
        <v>0</v>
      </c>
      <c r="L16" s="34">
        <v>12.93</v>
      </c>
      <c r="M16" s="35">
        <v>13</v>
      </c>
      <c r="N16" s="34">
        <v>-0.15</v>
      </c>
      <c r="O16" s="36">
        <v>14.13</v>
      </c>
      <c r="P16" s="37">
        <v>8</v>
      </c>
      <c r="Q16" s="38">
        <v>1.2</v>
      </c>
      <c r="T16" s="39"/>
      <c r="U16" s="39"/>
      <c r="W16" s="40"/>
    </row>
    <row r="17" spans="1:23" ht="21.75" customHeight="1" x14ac:dyDescent="0.2">
      <c r="A17" s="41">
        <v>12</v>
      </c>
      <c r="B17" s="31" t="s">
        <v>30</v>
      </c>
      <c r="C17" s="32">
        <v>11.37</v>
      </c>
      <c r="D17" s="33">
        <v>22</v>
      </c>
      <c r="E17" s="34">
        <v>-0.53</v>
      </c>
      <c r="F17" s="32">
        <v>11.96</v>
      </c>
      <c r="G17" s="33">
        <v>22</v>
      </c>
      <c r="H17" s="34">
        <v>0.59</v>
      </c>
      <c r="I17" s="34">
        <v>11.37</v>
      </c>
      <c r="J17" s="35">
        <v>24</v>
      </c>
      <c r="K17" s="34">
        <v>-0.59</v>
      </c>
      <c r="L17" s="34">
        <v>11.84</v>
      </c>
      <c r="M17" s="35">
        <v>21</v>
      </c>
      <c r="N17" s="34">
        <v>0.47</v>
      </c>
      <c r="O17" s="36">
        <v>12.69</v>
      </c>
      <c r="P17" s="37">
        <v>17</v>
      </c>
      <c r="Q17" s="38">
        <v>0.85</v>
      </c>
      <c r="T17" s="39"/>
      <c r="U17" s="39"/>
      <c r="W17" s="40"/>
    </row>
    <row r="18" spans="1:23" ht="21.75" customHeight="1" x14ac:dyDescent="0.2">
      <c r="A18" s="41">
        <v>13</v>
      </c>
      <c r="B18" s="31" t="s">
        <v>31</v>
      </c>
      <c r="C18" s="32">
        <v>12.13</v>
      </c>
      <c r="D18" s="33">
        <v>16</v>
      </c>
      <c r="E18" s="34">
        <v>0.11</v>
      </c>
      <c r="F18" s="32">
        <v>13.07</v>
      </c>
      <c r="G18" s="33">
        <v>15</v>
      </c>
      <c r="H18" s="34">
        <v>0.94</v>
      </c>
      <c r="I18" s="34">
        <v>11.82</v>
      </c>
      <c r="J18" s="35">
        <v>20</v>
      </c>
      <c r="K18" s="34">
        <v>-1.25</v>
      </c>
      <c r="L18" s="34">
        <v>12.14</v>
      </c>
      <c r="M18" s="35">
        <v>19</v>
      </c>
      <c r="N18" s="34">
        <v>0.32</v>
      </c>
      <c r="O18" s="36">
        <v>11.46</v>
      </c>
      <c r="P18" s="37">
        <v>26</v>
      </c>
      <c r="Q18" s="38">
        <v>-0.68</v>
      </c>
      <c r="T18" s="39"/>
      <c r="U18" s="39"/>
      <c r="W18" s="40"/>
    </row>
    <row r="19" spans="1:23" ht="21.75" customHeight="1" x14ac:dyDescent="0.2">
      <c r="A19" s="41">
        <v>14</v>
      </c>
      <c r="B19" s="31" t="s">
        <v>32</v>
      </c>
      <c r="C19" s="32">
        <v>11.04</v>
      </c>
      <c r="D19" s="33">
        <v>26</v>
      </c>
      <c r="E19" s="34">
        <v>0.22</v>
      </c>
      <c r="F19" s="32">
        <v>12.15</v>
      </c>
      <c r="G19" s="33">
        <v>20</v>
      </c>
      <c r="H19" s="34">
        <v>1.1100000000000001</v>
      </c>
      <c r="I19" s="34">
        <v>11.44</v>
      </c>
      <c r="J19" s="35">
        <v>22</v>
      </c>
      <c r="K19" s="34">
        <v>-0.71</v>
      </c>
      <c r="L19" s="34">
        <v>11.77</v>
      </c>
      <c r="M19" s="35">
        <v>22</v>
      </c>
      <c r="N19" s="34">
        <v>0.33</v>
      </c>
      <c r="O19" s="36">
        <v>11.3</v>
      </c>
      <c r="P19" s="37">
        <v>30</v>
      </c>
      <c r="Q19" s="38">
        <v>-0.47</v>
      </c>
      <c r="T19" s="39"/>
      <c r="U19" s="39"/>
      <c r="W19" s="40"/>
    </row>
    <row r="20" spans="1:23" ht="21.75" customHeight="1" x14ac:dyDescent="0.2">
      <c r="A20" s="41">
        <v>15</v>
      </c>
      <c r="B20" s="31" t="s">
        <v>33</v>
      </c>
      <c r="C20" s="32">
        <v>12.09</v>
      </c>
      <c r="D20" s="33">
        <v>17</v>
      </c>
      <c r="E20" s="34">
        <v>-0.06</v>
      </c>
      <c r="F20" s="32">
        <v>12.58</v>
      </c>
      <c r="G20" s="33">
        <v>18</v>
      </c>
      <c r="H20" s="34">
        <v>0.49</v>
      </c>
      <c r="I20" s="34">
        <v>11.86</v>
      </c>
      <c r="J20" s="35">
        <v>19</v>
      </c>
      <c r="K20" s="34">
        <v>-0.72</v>
      </c>
      <c r="L20" s="34">
        <v>11.87</v>
      </c>
      <c r="M20" s="35">
        <v>20</v>
      </c>
      <c r="N20" s="34">
        <v>0.01</v>
      </c>
      <c r="O20" s="36">
        <v>11.88</v>
      </c>
      <c r="P20" s="37">
        <v>21</v>
      </c>
      <c r="Q20" s="38">
        <v>0.01</v>
      </c>
      <c r="T20" s="39"/>
      <c r="U20" s="39"/>
      <c r="W20" s="40"/>
    </row>
    <row r="21" spans="1:23" ht="21.75" customHeight="1" x14ac:dyDescent="0.2">
      <c r="A21" s="41">
        <v>16</v>
      </c>
      <c r="B21" s="31" t="s">
        <v>34</v>
      </c>
      <c r="C21" s="32">
        <v>10.33</v>
      </c>
      <c r="D21" s="33">
        <v>30</v>
      </c>
      <c r="E21" s="34">
        <v>-0.45</v>
      </c>
      <c r="F21" s="32">
        <v>10.58</v>
      </c>
      <c r="G21" s="33">
        <v>31</v>
      </c>
      <c r="H21" s="34">
        <v>0.25</v>
      </c>
      <c r="I21" s="34">
        <v>10.28</v>
      </c>
      <c r="J21" s="35">
        <v>31</v>
      </c>
      <c r="K21" s="34">
        <v>-0.3</v>
      </c>
      <c r="L21" s="34">
        <v>9.7899999999999991</v>
      </c>
      <c r="M21" s="35">
        <v>33</v>
      </c>
      <c r="N21" s="34">
        <v>-0.49</v>
      </c>
      <c r="O21" s="36">
        <v>11.46</v>
      </c>
      <c r="P21" s="37">
        <v>26</v>
      </c>
      <c r="Q21" s="38">
        <v>1.67</v>
      </c>
      <c r="T21" s="39"/>
      <c r="U21" s="39"/>
      <c r="W21" s="40"/>
    </row>
    <row r="22" spans="1:23" ht="21.75" customHeight="1" x14ac:dyDescent="0.2">
      <c r="A22" s="41">
        <v>17</v>
      </c>
      <c r="B22" s="31" t="s">
        <v>35</v>
      </c>
      <c r="C22" s="32">
        <v>11.06</v>
      </c>
      <c r="D22" s="33">
        <v>25</v>
      </c>
      <c r="E22" s="34">
        <v>0.36</v>
      </c>
      <c r="F22" s="32">
        <v>11.84</v>
      </c>
      <c r="G22" s="33">
        <v>24</v>
      </c>
      <c r="H22" s="34">
        <v>0.78</v>
      </c>
      <c r="I22" s="34">
        <v>12.54</v>
      </c>
      <c r="J22" s="35">
        <v>13</v>
      </c>
      <c r="K22" s="34">
        <v>0.7</v>
      </c>
      <c r="L22" s="34">
        <v>12.55</v>
      </c>
      <c r="M22" s="35">
        <v>17</v>
      </c>
      <c r="N22" s="34">
        <v>0.01</v>
      </c>
      <c r="O22" s="36">
        <v>12.51</v>
      </c>
      <c r="P22" s="37">
        <v>18</v>
      </c>
      <c r="Q22" s="38">
        <v>-0.04</v>
      </c>
      <c r="T22" s="39"/>
      <c r="U22" s="39"/>
      <c r="W22" s="40"/>
    </row>
    <row r="23" spans="1:23" ht="21.75" customHeight="1" x14ac:dyDescent="0.2">
      <c r="A23" s="41">
        <v>18</v>
      </c>
      <c r="B23" s="31" t="s">
        <v>36</v>
      </c>
      <c r="C23" s="32">
        <v>14.86</v>
      </c>
      <c r="D23" s="33">
        <v>3</v>
      </c>
      <c r="E23" s="34">
        <v>-0.52</v>
      </c>
      <c r="F23" s="32">
        <v>15.4</v>
      </c>
      <c r="G23" s="33">
        <v>5</v>
      </c>
      <c r="H23" s="34">
        <v>0.54</v>
      </c>
      <c r="I23" s="34">
        <v>13.96</v>
      </c>
      <c r="J23" s="35">
        <v>6</v>
      </c>
      <c r="K23" s="34">
        <v>-1.44</v>
      </c>
      <c r="L23" s="34">
        <v>15.35</v>
      </c>
      <c r="M23" s="35">
        <v>1</v>
      </c>
      <c r="N23" s="34">
        <v>1.39</v>
      </c>
      <c r="O23" s="36">
        <v>15.4</v>
      </c>
      <c r="P23" s="37">
        <v>2</v>
      </c>
      <c r="Q23" s="38">
        <v>0.05</v>
      </c>
      <c r="T23" s="39"/>
      <c r="U23" s="39"/>
      <c r="W23" s="40"/>
    </row>
    <row r="24" spans="1:23" ht="21.75" customHeight="1" x14ac:dyDescent="0.2">
      <c r="A24" s="41">
        <v>19</v>
      </c>
      <c r="B24" s="31" t="s">
        <v>37</v>
      </c>
      <c r="C24" s="32">
        <v>9.4700000000000006</v>
      </c>
      <c r="D24" s="33">
        <v>33</v>
      </c>
      <c r="E24" s="34">
        <v>-0.46</v>
      </c>
      <c r="F24" s="32">
        <v>10.23</v>
      </c>
      <c r="G24" s="33">
        <v>32</v>
      </c>
      <c r="H24" s="34">
        <v>0.76</v>
      </c>
      <c r="I24" s="34">
        <v>9.76</v>
      </c>
      <c r="J24" s="35">
        <v>32</v>
      </c>
      <c r="K24" s="34">
        <v>-0.47</v>
      </c>
      <c r="L24" s="34">
        <v>10.53</v>
      </c>
      <c r="M24" s="35">
        <v>30</v>
      </c>
      <c r="N24" s="34">
        <v>0.77</v>
      </c>
      <c r="O24" s="36">
        <v>9.48</v>
      </c>
      <c r="P24" s="37">
        <v>31</v>
      </c>
      <c r="Q24" s="38">
        <v>-1.05</v>
      </c>
      <c r="T24" s="39"/>
      <c r="U24" s="39"/>
      <c r="W24" s="40"/>
    </row>
    <row r="25" spans="1:23" ht="21.75" customHeight="1" x14ac:dyDescent="0.2">
      <c r="A25" s="41">
        <v>20</v>
      </c>
      <c r="B25" s="31" t="s">
        <v>38</v>
      </c>
      <c r="C25" s="32">
        <v>15.08</v>
      </c>
      <c r="D25" s="33">
        <v>2</v>
      </c>
      <c r="E25" s="34">
        <v>0.48</v>
      </c>
      <c r="F25" s="32">
        <v>13.08</v>
      </c>
      <c r="G25" s="33">
        <v>13</v>
      </c>
      <c r="H25" s="34">
        <v>-2</v>
      </c>
      <c r="I25" s="34">
        <v>11.97</v>
      </c>
      <c r="J25" s="35">
        <v>18</v>
      </c>
      <c r="K25" s="34">
        <v>-1.1100000000000001</v>
      </c>
      <c r="L25" s="34">
        <v>12.92</v>
      </c>
      <c r="M25" s="35">
        <v>14</v>
      </c>
      <c r="N25" s="34">
        <v>0.95</v>
      </c>
      <c r="O25" s="36">
        <v>13.4</v>
      </c>
      <c r="P25" s="37">
        <v>10</v>
      </c>
      <c r="Q25" s="38">
        <v>0.48</v>
      </c>
      <c r="T25" s="39"/>
      <c r="U25" s="39"/>
      <c r="W25" s="40"/>
    </row>
    <row r="26" spans="1:23" ht="21.75" customHeight="1" x14ac:dyDescent="0.2">
      <c r="A26" s="41">
        <v>21</v>
      </c>
      <c r="B26" s="31" t="s">
        <v>39</v>
      </c>
      <c r="C26" s="32">
        <v>11.04</v>
      </c>
      <c r="D26" s="33">
        <v>26</v>
      </c>
      <c r="E26" s="34">
        <v>-0.34</v>
      </c>
      <c r="F26" s="32">
        <v>11.29</v>
      </c>
      <c r="G26" s="33">
        <v>28</v>
      </c>
      <c r="H26" s="34">
        <v>0.25</v>
      </c>
      <c r="I26" s="34">
        <v>10.66</v>
      </c>
      <c r="J26" s="35">
        <v>28</v>
      </c>
      <c r="K26" s="34">
        <v>-0.63</v>
      </c>
      <c r="L26" s="34">
        <v>11.48</v>
      </c>
      <c r="M26" s="35">
        <v>26</v>
      </c>
      <c r="N26" s="34">
        <v>0.82</v>
      </c>
      <c r="O26" s="36">
        <v>11.56</v>
      </c>
      <c r="P26" s="37">
        <v>25</v>
      </c>
      <c r="Q26" s="38">
        <v>0.08</v>
      </c>
      <c r="T26" s="39"/>
      <c r="U26" s="39"/>
      <c r="W26" s="40"/>
    </row>
    <row r="27" spans="1:23" ht="21.75" customHeight="1" x14ac:dyDescent="0.2">
      <c r="A27" s="41">
        <v>22</v>
      </c>
      <c r="B27" s="31" t="s">
        <v>40</v>
      </c>
      <c r="C27" s="32">
        <v>11.23</v>
      </c>
      <c r="D27" s="33">
        <v>23</v>
      </c>
      <c r="E27" s="34">
        <v>-0.82</v>
      </c>
      <c r="F27" s="32">
        <v>12.06</v>
      </c>
      <c r="G27" s="33">
        <v>21</v>
      </c>
      <c r="H27" s="34">
        <v>0.83</v>
      </c>
      <c r="I27" s="34">
        <v>11.82</v>
      </c>
      <c r="J27" s="35">
        <v>20</v>
      </c>
      <c r="K27" s="34">
        <v>-0.24</v>
      </c>
      <c r="L27" s="34">
        <v>10.53</v>
      </c>
      <c r="M27" s="35">
        <v>30</v>
      </c>
      <c r="N27" s="34">
        <v>-1.29</v>
      </c>
      <c r="O27" s="36">
        <v>12.71</v>
      </c>
      <c r="P27" s="37">
        <v>16</v>
      </c>
      <c r="Q27" s="38">
        <v>2.1800000000000002</v>
      </c>
      <c r="T27" s="39"/>
      <c r="U27" s="39"/>
      <c r="W27" s="40"/>
    </row>
    <row r="28" spans="1:23" ht="21.75" customHeight="1" x14ac:dyDescent="0.2">
      <c r="A28" s="41">
        <v>23</v>
      </c>
      <c r="B28" s="31" t="s">
        <v>41</v>
      </c>
      <c r="C28" s="32">
        <v>12.32</v>
      </c>
      <c r="D28" s="33">
        <v>15</v>
      </c>
      <c r="E28" s="34">
        <v>-0.22</v>
      </c>
      <c r="F28" s="32">
        <v>13.02</v>
      </c>
      <c r="G28" s="33">
        <v>16</v>
      </c>
      <c r="H28" s="34">
        <v>0.7</v>
      </c>
      <c r="I28" s="34">
        <v>12.32</v>
      </c>
      <c r="J28" s="35">
        <v>15</v>
      </c>
      <c r="K28" s="34">
        <v>-0.7</v>
      </c>
      <c r="L28" s="34">
        <v>15.07</v>
      </c>
      <c r="M28" s="35">
        <v>4</v>
      </c>
      <c r="N28" s="34">
        <v>2.75</v>
      </c>
      <c r="O28" s="36">
        <v>15.04</v>
      </c>
      <c r="P28" s="37">
        <v>4</v>
      </c>
      <c r="Q28" s="38">
        <v>-0.03</v>
      </c>
      <c r="T28" s="39"/>
      <c r="U28" s="39"/>
      <c r="W28" s="40"/>
    </row>
    <row r="29" spans="1:23" ht="21.75" customHeight="1" x14ac:dyDescent="0.2">
      <c r="A29" s="41">
        <v>24</v>
      </c>
      <c r="B29" s="31" t="s">
        <v>42</v>
      </c>
      <c r="C29" s="32">
        <v>12.48</v>
      </c>
      <c r="D29" s="33">
        <v>14</v>
      </c>
      <c r="E29" s="34">
        <v>0.42</v>
      </c>
      <c r="F29" s="32">
        <v>13.27</v>
      </c>
      <c r="G29" s="33">
        <v>11</v>
      </c>
      <c r="H29" s="34">
        <v>0.79</v>
      </c>
      <c r="I29" s="34">
        <v>12.74</v>
      </c>
      <c r="J29" s="35">
        <v>11</v>
      </c>
      <c r="K29" s="34">
        <v>-0.53</v>
      </c>
      <c r="L29" s="34">
        <v>12.47</v>
      </c>
      <c r="M29" s="35">
        <v>18</v>
      </c>
      <c r="N29" s="34">
        <v>-0.27</v>
      </c>
      <c r="O29" s="36">
        <v>12.82</v>
      </c>
      <c r="P29" s="37">
        <v>14</v>
      </c>
      <c r="Q29" s="38">
        <v>0.35</v>
      </c>
      <c r="T29" s="39"/>
      <c r="U29" s="39"/>
      <c r="W29" s="40"/>
    </row>
    <row r="30" spans="1:23" ht="21.75" customHeight="1" x14ac:dyDescent="0.2">
      <c r="A30" s="41">
        <v>25</v>
      </c>
      <c r="B30" s="31" t="s">
        <v>43</v>
      </c>
      <c r="C30" s="32">
        <v>13.42</v>
      </c>
      <c r="D30" s="33">
        <v>10</v>
      </c>
      <c r="E30" s="34">
        <v>0.52</v>
      </c>
      <c r="F30" s="32">
        <v>14.37</v>
      </c>
      <c r="G30" s="33">
        <v>9</v>
      </c>
      <c r="H30" s="34">
        <v>0.95</v>
      </c>
      <c r="I30" s="34">
        <v>12.34</v>
      </c>
      <c r="J30" s="35">
        <v>14</v>
      </c>
      <c r="K30" s="34">
        <v>-2.0299999999999998</v>
      </c>
      <c r="L30" s="34">
        <v>11.63</v>
      </c>
      <c r="M30" s="35">
        <v>24</v>
      </c>
      <c r="N30" s="34">
        <v>-0.71</v>
      </c>
      <c r="O30" s="36">
        <v>9.44</v>
      </c>
      <c r="P30" s="37">
        <v>32</v>
      </c>
      <c r="Q30" s="38">
        <v>-2.19</v>
      </c>
      <c r="T30" s="39"/>
      <c r="U30" s="39"/>
      <c r="W30" s="40"/>
    </row>
    <row r="31" spans="1:23" ht="21.75" customHeight="1" x14ac:dyDescent="0.2">
      <c r="A31" s="41">
        <v>26</v>
      </c>
      <c r="B31" s="31" t="s">
        <v>44</v>
      </c>
      <c r="C31" s="32">
        <v>12.57</v>
      </c>
      <c r="D31" s="33">
        <v>13</v>
      </c>
      <c r="E31" s="34">
        <v>1.1599999999999999</v>
      </c>
      <c r="F31" s="32">
        <v>17.170000000000002</v>
      </c>
      <c r="G31" s="33">
        <v>1</v>
      </c>
      <c r="H31" s="34">
        <v>4.5999999999999996</v>
      </c>
      <c r="I31" s="34">
        <v>16.309999999999999</v>
      </c>
      <c r="J31" s="35">
        <v>1</v>
      </c>
      <c r="K31" s="34">
        <v>-0.86</v>
      </c>
      <c r="L31" s="34">
        <v>15.19</v>
      </c>
      <c r="M31" s="35">
        <v>2</v>
      </c>
      <c r="N31" s="34">
        <v>-1.1200000000000001</v>
      </c>
      <c r="O31" s="36">
        <v>15.13</v>
      </c>
      <c r="P31" s="37">
        <v>3</v>
      </c>
      <c r="Q31" s="38">
        <v>-0.06</v>
      </c>
      <c r="T31" s="39"/>
      <c r="U31" s="39"/>
      <c r="W31" s="40"/>
    </row>
    <row r="32" spans="1:23" ht="21.75" customHeight="1" x14ac:dyDescent="0.2">
      <c r="A32" s="41">
        <v>27</v>
      </c>
      <c r="B32" s="31" t="s">
        <v>45</v>
      </c>
      <c r="C32" s="32">
        <v>14.82</v>
      </c>
      <c r="D32" s="33">
        <v>4</v>
      </c>
      <c r="E32" s="34">
        <v>-0.38</v>
      </c>
      <c r="F32" s="32">
        <v>12.82</v>
      </c>
      <c r="G32" s="33">
        <v>17</v>
      </c>
      <c r="H32" s="34">
        <v>-2</v>
      </c>
      <c r="I32" s="34">
        <v>12.23</v>
      </c>
      <c r="J32" s="35">
        <v>17</v>
      </c>
      <c r="K32" s="34">
        <v>-0.59</v>
      </c>
      <c r="L32" s="34">
        <v>15.1</v>
      </c>
      <c r="M32" s="35">
        <v>3</v>
      </c>
      <c r="N32" s="34">
        <v>2.87</v>
      </c>
      <c r="O32" s="36">
        <v>14.84</v>
      </c>
      <c r="P32" s="37">
        <v>5</v>
      </c>
      <c r="Q32" s="38">
        <v>-0.26</v>
      </c>
      <c r="T32" s="39"/>
      <c r="U32" s="39"/>
      <c r="W32" s="40"/>
    </row>
    <row r="33" spans="1:23" ht="21.75" customHeight="1" x14ac:dyDescent="0.2">
      <c r="A33" s="41">
        <v>28</v>
      </c>
      <c r="B33" s="31" t="s">
        <v>46</v>
      </c>
      <c r="C33" s="32">
        <v>13.01</v>
      </c>
      <c r="D33" s="33">
        <v>11</v>
      </c>
      <c r="E33" s="34">
        <v>0.13</v>
      </c>
      <c r="F33" s="32">
        <v>15.66</v>
      </c>
      <c r="G33" s="33">
        <v>3</v>
      </c>
      <c r="H33" s="34">
        <v>2.65</v>
      </c>
      <c r="I33" s="34">
        <v>14.8</v>
      </c>
      <c r="J33" s="35">
        <v>2</v>
      </c>
      <c r="K33" s="34">
        <v>-0.86</v>
      </c>
      <c r="L33" s="34">
        <v>14.11</v>
      </c>
      <c r="M33" s="35">
        <v>8</v>
      </c>
      <c r="N33" s="34">
        <v>-0.69</v>
      </c>
      <c r="O33" s="36">
        <v>14.64</v>
      </c>
      <c r="P33" s="37">
        <v>6</v>
      </c>
      <c r="Q33" s="38">
        <v>0.53</v>
      </c>
      <c r="T33" s="39"/>
      <c r="U33" s="39"/>
      <c r="W33" s="40"/>
    </row>
    <row r="34" spans="1:23" ht="21.75" customHeight="1" x14ac:dyDescent="0.2">
      <c r="A34" s="41">
        <v>29</v>
      </c>
      <c r="B34" s="31" t="s">
        <v>47</v>
      </c>
      <c r="C34" s="32">
        <v>13.77</v>
      </c>
      <c r="D34" s="33">
        <v>7</v>
      </c>
      <c r="E34" s="34">
        <v>1.1399999999999999</v>
      </c>
      <c r="F34" s="32">
        <v>14.48</v>
      </c>
      <c r="G34" s="33">
        <v>8</v>
      </c>
      <c r="H34" s="34">
        <v>0.71</v>
      </c>
      <c r="I34" s="34">
        <v>13.34</v>
      </c>
      <c r="J34" s="35">
        <v>8</v>
      </c>
      <c r="K34" s="34">
        <v>-1.1399999999999999</v>
      </c>
      <c r="L34" s="34">
        <v>13.65</v>
      </c>
      <c r="M34" s="35">
        <v>10</v>
      </c>
      <c r="N34" s="34">
        <v>0.31</v>
      </c>
      <c r="O34" s="36">
        <v>11.39</v>
      </c>
      <c r="P34" s="37">
        <v>28</v>
      </c>
      <c r="Q34" s="38">
        <v>-2.2599999999999998</v>
      </c>
      <c r="T34" s="39"/>
      <c r="U34" s="39"/>
      <c r="W34" s="40"/>
    </row>
    <row r="35" spans="1:23" ht="21.75" customHeight="1" x14ac:dyDescent="0.2">
      <c r="A35" s="41">
        <v>30</v>
      </c>
      <c r="B35" s="31" t="s">
        <v>48</v>
      </c>
      <c r="C35" s="32">
        <v>13.82</v>
      </c>
      <c r="D35" s="33">
        <v>6</v>
      </c>
      <c r="E35" s="34">
        <v>-2.62</v>
      </c>
      <c r="F35" s="32">
        <v>15.6</v>
      </c>
      <c r="G35" s="33">
        <v>4</v>
      </c>
      <c r="H35" s="34">
        <v>1.78</v>
      </c>
      <c r="I35" s="34">
        <v>14.04</v>
      </c>
      <c r="J35" s="35">
        <v>5</v>
      </c>
      <c r="K35" s="34">
        <v>-1.56</v>
      </c>
      <c r="L35" s="34">
        <v>14.97</v>
      </c>
      <c r="M35" s="35">
        <v>5</v>
      </c>
      <c r="N35" s="34">
        <v>0.93</v>
      </c>
      <c r="O35" s="36">
        <v>16.350000000000001</v>
      </c>
      <c r="P35" s="37">
        <v>1</v>
      </c>
      <c r="Q35" s="38">
        <v>1.38</v>
      </c>
      <c r="T35" s="39"/>
      <c r="U35" s="39"/>
      <c r="W35" s="40"/>
    </row>
    <row r="36" spans="1:23" ht="21.75" customHeight="1" x14ac:dyDescent="0.2">
      <c r="A36" s="41">
        <v>31</v>
      </c>
      <c r="B36" s="31" t="s">
        <v>49</v>
      </c>
      <c r="C36" s="32">
        <v>17.13</v>
      </c>
      <c r="D36" s="33">
        <v>1</v>
      </c>
      <c r="E36" s="34">
        <v>-0.4</v>
      </c>
      <c r="F36" s="32">
        <v>16.78</v>
      </c>
      <c r="G36" s="33">
        <v>2</v>
      </c>
      <c r="H36" s="34">
        <v>-0.35</v>
      </c>
      <c r="I36" s="34">
        <v>13.57</v>
      </c>
      <c r="J36" s="35">
        <v>7</v>
      </c>
      <c r="K36" s="34">
        <v>-3.21</v>
      </c>
      <c r="L36" s="34">
        <v>13.94</v>
      </c>
      <c r="M36" s="35">
        <v>9</v>
      </c>
      <c r="N36" s="34">
        <v>0.37</v>
      </c>
      <c r="O36" s="36">
        <v>13.15</v>
      </c>
      <c r="P36" s="37">
        <v>12</v>
      </c>
      <c r="Q36" s="38">
        <v>-0.79</v>
      </c>
      <c r="T36" s="39"/>
      <c r="U36" s="39"/>
      <c r="W36" s="40"/>
    </row>
    <row r="37" spans="1:23" ht="21.75" customHeight="1" x14ac:dyDescent="0.2">
      <c r="A37" s="41">
        <v>32</v>
      </c>
      <c r="B37" s="31" t="s">
        <v>50</v>
      </c>
      <c r="C37" s="32">
        <v>11.5</v>
      </c>
      <c r="D37" s="33">
        <v>21</v>
      </c>
      <c r="E37" s="34">
        <v>-0.9</v>
      </c>
      <c r="F37" s="32">
        <v>13.33</v>
      </c>
      <c r="G37" s="33">
        <v>10</v>
      </c>
      <c r="H37" s="34">
        <v>1.83</v>
      </c>
      <c r="I37" s="34">
        <v>12.74</v>
      </c>
      <c r="J37" s="35">
        <v>11</v>
      </c>
      <c r="K37" s="34">
        <v>-0.59</v>
      </c>
      <c r="L37" s="34">
        <v>13.2</v>
      </c>
      <c r="M37" s="35">
        <v>11</v>
      </c>
      <c r="N37" s="34">
        <v>0.46</v>
      </c>
      <c r="O37" s="36">
        <v>13.19</v>
      </c>
      <c r="P37" s="37">
        <v>11</v>
      </c>
      <c r="Q37" s="38">
        <v>-0.01</v>
      </c>
      <c r="T37" s="39"/>
      <c r="U37" s="39"/>
      <c r="W37" s="40"/>
    </row>
    <row r="38" spans="1:23" ht="21.75" customHeight="1" thickBot="1" x14ac:dyDescent="0.25">
      <c r="A38" s="42">
        <v>33</v>
      </c>
      <c r="B38" s="43" t="s">
        <v>51</v>
      </c>
      <c r="C38" s="44">
        <v>11.72</v>
      </c>
      <c r="D38" s="45">
        <v>20</v>
      </c>
      <c r="E38" s="46">
        <v>0.32</v>
      </c>
      <c r="F38" s="44">
        <v>11.37</v>
      </c>
      <c r="G38" s="45">
        <v>25</v>
      </c>
      <c r="H38" s="46">
        <v>-0.35</v>
      </c>
      <c r="I38" s="46">
        <v>10.29</v>
      </c>
      <c r="J38" s="47">
        <v>30</v>
      </c>
      <c r="K38" s="46">
        <v>-1.08</v>
      </c>
      <c r="L38" s="46">
        <v>11.71</v>
      </c>
      <c r="M38" s="47">
        <v>23</v>
      </c>
      <c r="N38" s="46">
        <v>1.42</v>
      </c>
      <c r="O38" s="48">
        <v>12.04</v>
      </c>
      <c r="P38" s="49">
        <v>20</v>
      </c>
      <c r="Q38" s="50">
        <v>0.33</v>
      </c>
      <c r="T38" s="39"/>
      <c r="U38" s="39"/>
      <c r="W38" s="40"/>
    </row>
    <row r="39" spans="1:23" ht="21.75" customHeight="1" thickTop="1" thickBot="1" x14ac:dyDescent="0.25">
      <c r="A39" s="51" t="s">
        <v>52</v>
      </c>
      <c r="B39" s="52"/>
      <c r="C39" s="53">
        <v>11.18</v>
      </c>
      <c r="D39" s="54"/>
      <c r="E39" s="55">
        <v>0.12</v>
      </c>
      <c r="F39" s="53">
        <v>11.73</v>
      </c>
      <c r="G39" s="54"/>
      <c r="H39" s="55">
        <v>0.55000000000000004</v>
      </c>
      <c r="I39" s="55">
        <v>11.54</v>
      </c>
      <c r="J39" s="55"/>
      <c r="K39" s="55">
        <v>-0.19</v>
      </c>
      <c r="L39" s="55">
        <v>11.82</v>
      </c>
      <c r="M39" s="55"/>
      <c r="N39" s="55">
        <v>0.28000000000000003</v>
      </c>
      <c r="O39" s="56">
        <v>11.85</v>
      </c>
      <c r="P39" s="57"/>
      <c r="Q39" s="58">
        <v>0.03</v>
      </c>
      <c r="W39" s="40"/>
    </row>
    <row r="40" spans="1:23" ht="21.75" customHeight="1" thickTop="1" thickBot="1" x14ac:dyDescent="0.25">
      <c r="A40" s="51" t="s">
        <v>53</v>
      </c>
      <c r="B40" s="52"/>
      <c r="C40" s="53">
        <v>12.74</v>
      </c>
      <c r="D40" s="54"/>
      <c r="E40" s="55">
        <v>-0.27</v>
      </c>
      <c r="F40" s="53">
        <v>13.27</v>
      </c>
      <c r="G40" s="54"/>
      <c r="H40" s="55">
        <v>0.53</v>
      </c>
      <c r="I40" s="55">
        <v>12.28</v>
      </c>
      <c r="J40" s="55"/>
      <c r="K40" s="55">
        <v>-0.99</v>
      </c>
      <c r="L40" s="55">
        <v>12.75</v>
      </c>
      <c r="M40" s="55"/>
      <c r="N40" s="55">
        <v>0.47</v>
      </c>
      <c r="O40" s="56">
        <v>12.74</v>
      </c>
      <c r="P40" s="57"/>
      <c r="Q40" s="58">
        <v>-0.01</v>
      </c>
      <c r="W40" s="40"/>
    </row>
    <row r="41" spans="1:23" ht="21.75" customHeight="1" thickTop="1" thickBot="1" x14ac:dyDescent="0.25">
      <c r="A41" s="59" t="s">
        <v>54</v>
      </c>
      <c r="B41" s="60"/>
      <c r="C41" s="61">
        <v>11.24</v>
      </c>
      <c r="D41" s="62"/>
      <c r="E41" s="63">
        <v>0.11</v>
      </c>
      <c r="F41" s="61">
        <v>11.78</v>
      </c>
      <c r="G41" s="62"/>
      <c r="H41" s="63">
        <v>0.54</v>
      </c>
      <c r="I41" s="63">
        <v>11.56</v>
      </c>
      <c r="J41" s="63"/>
      <c r="K41" s="63">
        <v>-0.22</v>
      </c>
      <c r="L41" s="63">
        <v>11.85</v>
      </c>
      <c r="M41" s="63"/>
      <c r="N41" s="63">
        <v>0.28999999999999998</v>
      </c>
      <c r="O41" s="64">
        <v>11.88</v>
      </c>
      <c r="P41" s="65"/>
      <c r="Q41" s="66">
        <v>0.03</v>
      </c>
      <c r="W41" s="40"/>
    </row>
    <row r="42" spans="1:23" ht="12" x14ac:dyDescent="0.2">
      <c r="Q42" s="28"/>
      <c r="W42" s="40"/>
    </row>
    <row r="43" spans="1:23" x14ac:dyDescent="0.2">
      <c r="A43" s="67"/>
    </row>
    <row r="47" spans="1:23" x14ac:dyDescent="0.2">
      <c r="A47" s="67"/>
    </row>
  </sheetData>
  <mergeCells count="9">
    <mergeCell ref="A39:B39"/>
    <mergeCell ref="A40:B40"/>
    <mergeCell ref="A41:B41"/>
    <mergeCell ref="A3:B5"/>
    <mergeCell ref="C3:E3"/>
    <mergeCell ref="F3:H3"/>
    <mergeCell ref="I3:K3"/>
    <mergeCell ref="L3:N3"/>
    <mergeCell ref="O3:Q3"/>
  </mergeCells>
  <phoneticPr fontId="3"/>
  <printOptions horizontalCentered="1" gridLinesSet="0"/>
  <pageMargins left="0.59055118110236227" right="0.59055118110236227" top="0.59055118110236227" bottom="0.59055118110236227" header="0.31496062992125984" footer="0.31496062992125984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負担率の推移</vt:lpstr>
      <vt:lpstr>負担率の推移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6:34Z</dcterms:created>
  <dcterms:modified xsi:type="dcterms:W3CDTF">2023-01-23T01:06:55Z</dcterms:modified>
</cp:coreProperties>
</file>